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i5\Desktop\"/>
    </mc:Choice>
  </mc:AlternateContent>
  <bookViews>
    <workbookView xWindow="0" yWindow="0" windowWidth="20490" windowHeight="7155"/>
  </bookViews>
  <sheets>
    <sheet name="1" sheetId="1" r:id="rId1"/>
  </sheets>
  <externalReferences>
    <externalReference r:id="rId2"/>
  </externalReferences>
  <calcPr calcId="162913"/>
</workbook>
</file>

<file path=xl/calcChain.xml><?xml version="1.0" encoding="utf-8"?>
<calcChain xmlns="http://schemas.openxmlformats.org/spreadsheetml/2006/main">
  <c r="B1" i="1" l="1"/>
</calcChain>
</file>

<file path=xl/sharedStrings.xml><?xml version="1.0" encoding="utf-8"?>
<sst xmlns="http://schemas.openxmlformats.org/spreadsheetml/2006/main" count="41" uniqueCount="41">
  <si>
    <t>Школа</t>
  </si>
  <si>
    <t>День</t>
  </si>
  <si>
    <t>Прием пищи</t>
  </si>
  <si>
    <t>Раздел</t>
  </si>
  <si>
    <t>Блюдо</t>
  </si>
  <si>
    <t>Цена</t>
  </si>
  <si>
    <t>Калорийность</t>
  </si>
  <si>
    <t>Белки</t>
  </si>
  <si>
    <t>Жиры</t>
  </si>
  <si>
    <t>Углеводы</t>
  </si>
  <si>
    <t>Завтрак</t>
  </si>
  <si>
    <t>гор.блюдо</t>
  </si>
  <si>
    <t>гор.напиток</t>
  </si>
  <si>
    <t>Завтрак 2</t>
  </si>
  <si>
    <t>Обед</t>
  </si>
  <si>
    <t>закуска</t>
  </si>
  <si>
    <t>1 блюдо</t>
  </si>
  <si>
    <t>2 блюдо</t>
  </si>
  <si>
    <t>гарнир</t>
  </si>
  <si>
    <t>сладкое</t>
  </si>
  <si>
    <t>фрукты</t>
  </si>
  <si>
    <t>хлеб черн.</t>
  </si>
  <si>
    <t>Отд./корп</t>
  </si>
  <si>
    <t>хлеб</t>
  </si>
  <si>
    <t>хлеб бел.</t>
  </si>
  <si>
    <t>№ рец.</t>
  </si>
  <si>
    <t>Выход, г</t>
  </si>
  <si>
    <t>ХЛЕБ РЖАНОЙ</t>
  </si>
  <si>
    <t>ИТОГО</t>
  </si>
  <si>
    <t>ВСЕГО</t>
  </si>
  <si>
    <t>ФРУКТ</t>
  </si>
  <si>
    <t>МАСЛО СЛИВОЧНОЕ (ПОРЦИЯМИ)</t>
  </si>
  <si>
    <t>СЫР (ПОРЦИЯМИ)</t>
  </si>
  <si>
    <t>КАША "ДРУЖБА" С МАСЛОМ СЛИВОЧНЫМ</t>
  </si>
  <si>
    <t>КАКАО С МОЛОКОМ</t>
  </si>
  <si>
    <t>БАТОН</t>
  </si>
  <si>
    <t>ИКРА СВЕКОЛЬНАЯ</t>
  </si>
  <si>
    <t>СУП С МАКАРОННЫМИ ИЗДЕЛИЯМИ И КУРОЙ</t>
  </si>
  <si>
    <t>ЁЖИКИ МЯСНЫЕ</t>
  </si>
  <si>
    <t>КАША ГРЕЧНЕВАЯ РАССЫПЧАТАЯ</t>
  </si>
  <si>
    <t>КОМПОТ ИЗ СМЕСИ СУХОФРУКТОВ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41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2" borderId="2" xfId="0" applyFill="1" applyBorder="1" applyProtection="1">
      <protection locked="0"/>
    </xf>
    <xf numFmtId="0" fontId="0" fillId="0" borderId="3" xfId="0" applyBorder="1"/>
    <xf numFmtId="0" fontId="0" fillId="0" borderId="4" xfId="0" applyBorder="1"/>
    <xf numFmtId="0" fontId="0" fillId="2" borderId="4" xfId="0" applyFill="1" applyBorder="1" applyProtection="1">
      <protection locked="0"/>
    </xf>
    <xf numFmtId="0" fontId="0" fillId="0" borderId="5" xfId="0" applyBorder="1"/>
    <xf numFmtId="0" fontId="0" fillId="0" borderId="6" xfId="0" applyBorder="1"/>
    <xf numFmtId="0" fontId="0" fillId="2" borderId="7" xfId="0" applyFill="1" applyBorder="1" applyProtection="1">
      <protection locked="0"/>
    </xf>
    <xf numFmtId="0" fontId="0" fillId="0" borderId="2" xfId="0" applyBorder="1"/>
    <xf numFmtId="0" fontId="0" fillId="3" borderId="4" xfId="0" applyFill="1" applyBorder="1"/>
    <xf numFmtId="0" fontId="0" fillId="0" borderId="8" xfId="0" applyBorder="1" applyAlignment="1">
      <alignment horizontal="center"/>
    </xf>
    <xf numFmtId="0" fontId="0" fillId="0" borderId="9" xfId="0" applyBorder="1" applyAlignment="1">
      <alignment horizontal="center"/>
    </xf>
    <xf numFmtId="0" fontId="0" fillId="0" borderId="10" xfId="0" applyBorder="1" applyAlignment="1">
      <alignment horizontal="center"/>
    </xf>
    <xf numFmtId="1" fontId="0" fillId="2" borderId="4" xfId="0" applyNumberFormat="1" applyFill="1" applyBorder="1" applyProtection="1">
      <protection locked="0"/>
    </xf>
    <xf numFmtId="1" fontId="0" fillId="2" borderId="11" xfId="0" applyNumberFormat="1" applyFill="1" applyBorder="1" applyProtection="1">
      <protection locked="0"/>
    </xf>
    <xf numFmtId="1" fontId="0" fillId="2" borderId="1" xfId="0" applyNumberFormat="1" applyFill="1" applyBorder="1" applyProtection="1">
      <protection locked="0"/>
    </xf>
    <xf numFmtId="1" fontId="0" fillId="2" borderId="12" xfId="0" applyNumberFormat="1" applyFill="1" applyBorder="1" applyProtection="1">
      <protection locked="0"/>
    </xf>
    <xf numFmtId="1" fontId="0" fillId="2" borderId="7" xfId="0" applyNumberFormat="1" applyFill="1" applyBorder="1" applyProtection="1">
      <protection locked="0"/>
    </xf>
    <xf numFmtId="1" fontId="0" fillId="2" borderId="13" xfId="0" applyNumberFormat="1" applyFill="1" applyBorder="1" applyProtection="1">
      <protection locked="0"/>
    </xf>
    <xf numFmtId="1" fontId="0" fillId="2" borderId="2" xfId="0" applyNumberFormat="1" applyFill="1" applyBorder="1" applyProtection="1">
      <protection locked="0"/>
    </xf>
    <xf numFmtId="1" fontId="0" fillId="2" borderId="14" xfId="0" applyNumberFormat="1" applyFill="1" applyBorder="1" applyProtection="1">
      <protection locked="0"/>
    </xf>
    <xf numFmtId="14" fontId="0" fillId="2" borderId="1" xfId="0" applyNumberFormat="1" applyFill="1" applyBorder="1" applyProtection="1">
      <protection locked="0"/>
    </xf>
    <xf numFmtId="49" fontId="0" fillId="2" borderId="1" xfId="0" applyNumberFormat="1" applyFill="1" applyBorder="1" applyProtection="1">
      <protection locked="0"/>
    </xf>
    <xf numFmtId="2" fontId="0" fillId="2" borderId="4" xfId="0" applyNumberFormat="1" applyFill="1" applyBorder="1" applyProtection="1">
      <protection locked="0"/>
    </xf>
    <xf numFmtId="2" fontId="0" fillId="2" borderId="1" xfId="0" applyNumberFormat="1" applyFill="1" applyBorder="1" applyProtection="1">
      <protection locked="0"/>
    </xf>
    <xf numFmtId="2" fontId="0" fillId="2" borderId="7" xfId="0" applyNumberFormat="1" applyFill="1" applyBorder="1" applyProtection="1">
      <protection locked="0"/>
    </xf>
    <xf numFmtId="2" fontId="0" fillId="2" borderId="2" xfId="0" applyNumberFormat="1" applyFill="1" applyBorder="1" applyProtection="1">
      <protection locked="0"/>
    </xf>
    <xf numFmtId="0" fontId="0" fillId="2" borderId="15" xfId="0" applyFill="1" applyBorder="1" applyProtection="1">
      <protection locked="0"/>
    </xf>
    <xf numFmtId="1" fontId="0" fillId="2" borderId="15" xfId="0" applyNumberFormat="1" applyFill="1" applyBorder="1" applyProtection="1">
      <protection locked="0"/>
    </xf>
    <xf numFmtId="2" fontId="0" fillId="2" borderId="15" xfId="0" applyNumberFormat="1" applyFill="1" applyBorder="1" applyProtection="1">
      <protection locked="0"/>
    </xf>
    <xf numFmtId="1" fontId="0" fillId="2" borderId="16" xfId="0" applyNumberFormat="1" applyFill="1" applyBorder="1" applyProtection="1">
      <protection locked="0"/>
    </xf>
    <xf numFmtId="0" fontId="0" fillId="2" borderId="4" xfId="0" applyFill="1" applyBorder="1" applyAlignment="1" applyProtection="1">
      <alignment wrapText="1"/>
      <protection locked="0"/>
    </xf>
    <xf numFmtId="0" fontId="0" fillId="2" borderId="1" xfId="0" applyFill="1" applyBorder="1" applyAlignment="1" applyProtection="1">
      <alignment wrapText="1"/>
      <protection locked="0"/>
    </xf>
    <xf numFmtId="0" fontId="0" fillId="2" borderId="7" xfId="0" applyFill="1" applyBorder="1" applyAlignment="1" applyProtection="1">
      <alignment wrapText="1"/>
      <protection locked="0"/>
    </xf>
    <xf numFmtId="0" fontId="0" fillId="2" borderId="2" xfId="0" applyFill="1" applyBorder="1" applyAlignment="1" applyProtection="1">
      <alignment wrapText="1"/>
      <protection locked="0"/>
    </xf>
    <xf numFmtId="0" fontId="0" fillId="2" borderId="15" xfId="0" applyFill="1" applyBorder="1" applyAlignment="1" applyProtection="1">
      <alignment wrapText="1"/>
      <protection locked="0"/>
    </xf>
    <xf numFmtId="0" fontId="0" fillId="2" borderId="17" xfId="0" applyFill="1" applyBorder="1" applyAlignment="1" applyProtection="1">
      <protection locked="0"/>
    </xf>
    <xf numFmtId="0" fontId="0" fillId="2" borderId="18" xfId="0" applyFill="1" applyBorder="1" applyAlignment="1" applyProtection="1">
      <protection locked="0"/>
    </xf>
    <xf numFmtId="0" fontId="0" fillId="0" borderId="19" xfId="0" applyBorder="1" applyAlignment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1%20&#1076;&#1077;&#1085;&#110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"/>
    </sheetNames>
    <sheetDataSet>
      <sheetData sheetId="0">
        <row r="1">
          <cell r="B1" t="str">
            <v>Кременевская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</sheetPr>
  <dimension ref="A1:J22"/>
  <sheetViews>
    <sheetView showGridLines="0" showRowColHeaders="0" tabSelected="1" workbookViewId="0">
      <selection activeCell="H15" sqref="H15"/>
    </sheetView>
  </sheetViews>
  <sheetFormatPr defaultRowHeight="15" x14ac:dyDescent="0.25"/>
  <cols>
    <col min="1" max="1" width="12.140625" customWidth="1"/>
    <col min="2" max="2" width="11.5703125" customWidth="1"/>
    <col min="3" max="3" width="8" customWidth="1"/>
    <col min="4" max="4" width="41.5703125" customWidth="1"/>
    <col min="5" max="5" width="10.140625" customWidth="1"/>
    <col min="7" max="7" width="13.42578125" customWidth="1"/>
    <col min="8" max="8" width="7.5703125" customWidth="1"/>
    <col min="9" max="9" width="7.85546875" customWidth="1"/>
    <col min="10" max="10" width="10.42578125" customWidth="1"/>
  </cols>
  <sheetData>
    <row r="1" spans="1:10" x14ac:dyDescent="0.25">
      <c r="A1" t="s">
        <v>0</v>
      </c>
      <c r="B1" s="38" t="str">
        <f>'[1]1'!$B$1</f>
        <v>Кременевская</v>
      </c>
      <c r="C1" s="39"/>
      <c r="D1" s="40"/>
      <c r="E1" t="s">
        <v>22</v>
      </c>
      <c r="F1" s="24"/>
      <c r="I1" t="s">
        <v>1</v>
      </c>
      <c r="J1" s="23">
        <v>45387</v>
      </c>
    </row>
    <row r="2" spans="1:10" ht="7.5" customHeight="1" thickBot="1" x14ac:dyDescent="0.3"/>
    <row r="3" spans="1:10" ht="15.75" thickBot="1" x14ac:dyDescent="0.3">
      <c r="A3" s="12" t="s">
        <v>2</v>
      </c>
      <c r="B3" s="13" t="s">
        <v>3</v>
      </c>
      <c r="C3" s="13" t="s">
        <v>25</v>
      </c>
      <c r="D3" s="13" t="s">
        <v>4</v>
      </c>
      <c r="E3" s="13" t="s">
        <v>26</v>
      </c>
      <c r="F3" s="13" t="s">
        <v>5</v>
      </c>
      <c r="G3" s="13" t="s">
        <v>6</v>
      </c>
      <c r="H3" s="13" t="s">
        <v>7</v>
      </c>
      <c r="I3" s="13" t="s">
        <v>8</v>
      </c>
      <c r="J3" s="14" t="s">
        <v>9</v>
      </c>
    </row>
    <row r="4" spans="1:10" x14ac:dyDescent="0.25">
      <c r="A4" s="4" t="s">
        <v>10</v>
      </c>
      <c r="B4" s="5"/>
      <c r="C4" s="6">
        <v>13</v>
      </c>
      <c r="D4" s="33" t="s">
        <v>31</v>
      </c>
      <c r="E4" s="15">
        <v>30</v>
      </c>
      <c r="F4" s="25">
        <v>9.36</v>
      </c>
      <c r="G4" s="15">
        <v>75</v>
      </c>
      <c r="H4" s="15">
        <v>0.1</v>
      </c>
      <c r="I4" s="15">
        <v>3</v>
      </c>
      <c r="J4" s="16">
        <v>0.1</v>
      </c>
    </row>
    <row r="5" spans="1:10" x14ac:dyDescent="0.25">
      <c r="A5" s="7"/>
      <c r="B5" s="1"/>
      <c r="C5" s="2">
        <v>14</v>
      </c>
      <c r="D5" s="34" t="s">
        <v>32</v>
      </c>
      <c r="E5" s="17">
        <v>30</v>
      </c>
      <c r="F5" s="26">
        <v>8.83</v>
      </c>
      <c r="G5" s="17">
        <v>109</v>
      </c>
      <c r="H5" s="17">
        <v>5</v>
      </c>
      <c r="I5" s="17">
        <v>4</v>
      </c>
      <c r="J5" s="18">
        <v>0</v>
      </c>
    </row>
    <row r="6" spans="1:10" x14ac:dyDescent="0.25">
      <c r="A6" s="7"/>
      <c r="B6" s="1" t="s">
        <v>11</v>
      </c>
      <c r="C6" s="2">
        <v>190</v>
      </c>
      <c r="D6" s="34" t="s">
        <v>33</v>
      </c>
      <c r="E6" s="17">
        <v>250</v>
      </c>
      <c r="F6" s="26">
        <v>23.3</v>
      </c>
      <c r="G6" s="17">
        <v>304</v>
      </c>
      <c r="H6" s="17">
        <v>4</v>
      </c>
      <c r="I6" s="17">
        <v>4</v>
      </c>
      <c r="J6" s="18">
        <v>20</v>
      </c>
    </row>
    <row r="7" spans="1:10" x14ac:dyDescent="0.25">
      <c r="A7" s="7"/>
      <c r="B7" s="2" t="s">
        <v>12</v>
      </c>
      <c r="C7" s="2">
        <v>433</v>
      </c>
      <c r="D7" s="34" t="s">
        <v>34</v>
      </c>
      <c r="E7" s="17">
        <v>200</v>
      </c>
      <c r="F7" s="26">
        <v>22.21</v>
      </c>
      <c r="G7" s="17">
        <v>158</v>
      </c>
      <c r="H7" s="17">
        <v>4.3</v>
      </c>
      <c r="I7" s="17">
        <v>4.3</v>
      </c>
      <c r="J7" s="18">
        <v>24</v>
      </c>
    </row>
    <row r="8" spans="1:10" x14ac:dyDescent="0.25">
      <c r="A8" s="7"/>
      <c r="B8" s="29" t="s">
        <v>23</v>
      </c>
      <c r="C8" s="29"/>
      <c r="D8" s="37" t="s">
        <v>35</v>
      </c>
      <c r="E8" s="30">
        <v>40</v>
      </c>
      <c r="F8" s="31">
        <v>3.5</v>
      </c>
      <c r="G8" s="30">
        <v>106</v>
      </c>
      <c r="H8" s="30">
        <v>3.5</v>
      </c>
      <c r="I8" s="30">
        <v>0.4</v>
      </c>
      <c r="J8" s="32">
        <v>21.8</v>
      </c>
    </row>
    <row r="9" spans="1:10" x14ac:dyDescent="0.25">
      <c r="A9" s="7"/>
      <c r="B9" s="29"/>
      <c r="C9" s="29"/>
      <c r="D9" s="37" t="s">
        <v>30</v>
      </c>
      <c r="E9" s="30">
        <v>70</v>
      </c>
      <c r="F9" s="31">
        <v>7.8</v>
      </c>
      <c r="G9" s="30">
        <v>96</v>
      </c>
      <c r="H9" s="30">
        <v>1.5</v>
      </c>
      <c r="I9" s="30">
        <v>0.5</v>
      </c>
      <c r="J9" s="32">
        <v>21</v>
      </c>
    </row>
    <row r="10" spans="1:10" ht="15.75" thickBot="1" x14ac:dyDescent="0.3">
      <c r="A10" s="8"/>
      <c r="B10" s="9"/>
      <c r="C10" s="9"/>
      <c r="D10" s="35"/>
      <c r="E10" s="19"/>
      <c r="F10" s="27">
        <v>75</v>
      </c>
      <c r="G10" s="19">
        <v>848</v>
      </c>
      <c r="H10" s="19">
        <v>19</v>
      </c>
      <c r="I10" s="19">
        <v>19</v>
      </c>
      <c r="J10" s="20">
        <v>87</v>
      </c>
    </row>
    <row r="11" spans="1:10" x14ac:dyDescent="0.25">
      <c r="A11" s="4" t="s">
        <v>13</v>
      </c>
      <c r="B11" s="11" t="s">
        <v>20</v>
      </c>
      <c r="C11" s="6"/>
      <c r="D11" s="33"/>
      <c r="E11" s="15"/>
      <c r="F11" s="25"/>
      <c r="G11" s="15"/>
      <c r="H11" s="15"/>
      <c r="I11" s="15"/>
      <c r="J11" s="16"/>
    </row>
    <row r="12" spans="1:10" x14ac:dyDescent="0.25">
      <c r="A12" s="7"/>
      <c r="B12" s="2"/>
      <c r="C12" s="2"/>
      <c r="D12" s="34"/>
      <c r="E12" s="17"/>
      <c r="F12" s="26"/>
      <c r="G12" s="17"/>
      <c r="H12" s="17"/>
      <c r="I12" s="17"/>
      <c r="J12" s="18"/>
    </row>
    <row r="13" spans="1:10" ht="15.75" thickBot="1" x14ac:dyDescent="0.3">
      <c r="A13" s="8"/>
      <c r="B13" s="9"/>
      <c r="C13" s="9"/>
      <c r="D13" s="35"/>
      <c r="E13" s="19"/>
      <c r="F13" s="27"/>
      <c r="G13" s="19"/>
      <c r="H13" s="19"/>
      <c r="I13" s="19"/>
      <c r="J13" s="20"/>
    </row>
    <row r="14" spans="1:10" x14ac:dyDescent="0.25">
      <c r="A14" s="7" t="s">
        <v>14</v>
      </c>
      <c r="B14" s="10" t="s">
        <v>15</v>
      </c>
      <c r="C14" s="3">
        <v>56</v>
      </c>
      <c r="D14" s="36" t="s">
        <v>36</v>
      </c>
      <c r="E14" s="21">
        <v>85</v>
      </c>
      <c r="F14" s="28">
        <v>3.8</v>
      </c>
      <c r="G14" s="21">
        <v>100</v>
      </c>
      <c r="H14" s="21">
        <v>1.1000000000000001</v>
      </c>
      <c r="I14" s="21">
        <v>7.9</v>
      </c>
      <c r="J14" s="22">
        <v>6.4</v>
      </c>
    </row>
    <row r="15" spans="1:10" ht="30" x14ac:dyDescent="0.25">
      <c r="A15" s="7"/>
      <c r="B15" s="1" t="s">
        <v>16</v>
      </c>
      <c r="C15" s="2">
        <v>105</v>
      </c>
      <c r="D15" s="34" t="s">
        <v>37</v>
      </c>
      <c r="E15" s="17">
        <v>250</v>
      </c>
      <c r="F15" s="26">
        <v>21.2</v>
      </c>
      <c r="G15" s="17">
        <v>186</v>
      </c>
      <c r="H15" s="17">
        <v>6.6</v>
      </c>
      <c r="I15" s="17">
        <v>8.9</v>
      </c>
      <c r="J15" s="18">
        <v>20</v>
      </c>
    </row>
    <row r="16" spans="1:10" x14ac:dyDescent="0.25">
      <c r="A16" s="7"/>
      <c r="B16" s="1" t="s">
        <v>17</v>
      </c>
      <c r="C16" s="2">
        <v>278</v>
      </c>
      <c r="D16" s="34" t="s">
        <v>38</v>
      </c>
      <c r="E16" s="17">
        <v>110</v>
      </c>
      <c r="F16" s="26">
        <v>20.41</v>
      </c>
      <c r="G16" s="17">
        <v>117</v>
      </c>
      <c r="H16" s="17">
        <v>1.5</v>
      </c>
      <c r="I16" s="17">
        <v>6.1</v>
      </c>
      <c r="J16" s="18">
        <v>14.2</v>
      </c>
    </row>
    <row r="17" spans="1:10" x14ac:dyDescent="0.25">
      <c r="A17" s="7"/>
      <c r="B17" s="1" t="s">
        <v>18</v>
      </c>
      <c r="C17" s="2">
        <v>323</v>
      </c>
      <c r="D17" s="34" t="s">
        <v>39</v>
      </c>
      <c r="E17" s="17">
        <v>200</v>
      </c>
      <c r="F17" s="26">
        <v>18.100000000000001</v>
      </c>
      <c r="G17" s="17">
        <v>135</v>
      </c>
      <c r="H17" s="17">
        <v>2.8</v>
      </c>
      <c r="I17" s="17">
        <v>8</v>
      </c>
      <c r="J17" s="18">
        <v>13.1</v>
      </c>
    </row>
    <row r="18" spans="1:10" x14ac:dyDescent="0.25">
      <c r="A18" s="7"/>
      <c r="B18" s="1" t="s">
        <v>19</v>
      </c>
      <c r="C18" s="2">
        <v>402</v>
      </c>
      <c r="D18" s="34" t="s">
        <v>40</v>
      </c>
      <c r="E18" s="17">
        <v>250</v>
      </c>
      <c r="F18" s="26">
        <v>9.5</v>
      </c>
      <c r="G18" s="17">
        <v>77</v>
      </c>
      <c r="H18" s="17">
        <v>0</v>
      </c>
      <c r="I18" s="17">
        <v>0</v>
      </c>
      <c r="J18" s="18">
        <v>19.399999999999999</v>
      </c>
    </row>
    <row r="19" spans="1:10" x14ac:dyDescent="0.25">
      <c r="A19" s="7"/>
      <c r="B19" s="1" t="s">
        <v>24</v>
      </c>
      <c r="C19" s="2"/>
      <c r="D19" s="34"/>
      <c r="E19" s="17"/>
      <c r="F19" s="26"/>
      <c r="G19" s="17"/>
      <c r="H19" s="17"/>
      <c r="I19" s="17"/>
      <c r="J19" s="18"/>
    </row>
    <row r="20" spans="1:10" x14ac:dyDescent="0.25">
      <c r="A20" s="7"/>
      <c r="B20" s="1" t="s">
        <v>21</v>
      </c>
      <c r="C20" s="2"/>
      <c r="D20" s="34" t="s">
        <v>27</v>
      </c>
      <c r="E20" s="17">
        <v>40</v>
      </c>
      <c r="F20" s="26">
        <v>1.99</v>
      </c>
      <c r="G20" s="17">
        <v>71</v>
      </c>
      <c r="H20" s="17">
        <v>4.5999999999999996</v>
      </c>
      <c r="I20" s="17">
        <v>0.4</v>
      </c>
      <c r="J20" s="18">
        <v>29.2</v>
      </c>
    </row>
    <row r="21" spans="1:10" x14ac:dyDescent="0.25">
      <c r="A21" s="7"/>
      <c r="B21" s="29"/>
      <c r="C21" s="29"/>
      <c r="D21" s="37" t="s">
        <v>28</v>
      </c>
      <c r="E21" s="30"/>
      <c r="F21" s="31">
        <v>75</v>
      </c>
      <c r="G21" s="30">
        <v>686</v>
      </c>
      <c r="H21" s="30">
        <v>18</v>
      </c>
      <c r="I21" s="30">
        <v>31.3</v>
      </c>
      <c r="J21" s="32">
        <v>101</v>
      </c>
    </row>
    <row r="22" spans="1:10" ht="15.75" thickBot="1" x14ac:dyDescent="0.3">
      <c r="A22" s="8"/>
      <c r="B22" s="9"/>
      <c r="C22" s="9"/>
      <c r="D22" s="35" t="s">
        <v>29</v>
      </c>
      <c r="E22" s="19"/>
      <c r="F22" s="27">
        <v>150</v>
      </c>
      <c r="G22" s="19">
        <v>1534</v>
      </c>
      <c r="H22" s="19">
        <v>42</v>
      </c>
      <c r="I22" s="19">
        <v>62</v>
      </c>
      <c r="J22" s="20">
        <v>188</v>
      </c>
    </row>
  </sheetData>
  <sheetProtection sheet="1"/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</dc:creator>
  <cp:lastModifiedBy>Admin</cp:lastModifiedBy>
  <cp:lastPrinted>2021-05-18T10:32:40Z</cp:lastPrinted>
  <dcterms:created xsi:type="dcterms:W3CDTF">2015-06-05T18:19:34Z</dcterms:created>
  <dcterms:modified xsi:type="dcterms:W3CDTF">2024-04-16T12:39:49Z</dcterms:modified>
</cp:coreProperties>
</file>